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120a90.gyosei.nishi.or.jp\share5\00260551法人指導課\00260551法人指導課_1\★施設等指導チーム\令和4年度書式\自己点検シート\障害児\変更後\02.削除後溶け込み\"/>
    </mc:Choice>
  </mc:AlternateContent>
  <bookViews>
    <workbookView xWindow="0" yWindow="0" windowWidth="20490" windowHeight="6750"/>
  </bookViews>
  <sheets>
    <sheet name="自己点検シート" sheetId="2" r:id="rId1"/>
    <sheet name="処遇改善加算・特定処遇改善加算別表" sheetId="3" r:id="rId2"/>
    <sheet name="Sheet2" sheetId="4" r:id="rId3"/>
  </sheets>
  <externalReferences>
    <externalReference r:id="rId4"/>
    <externalReference r:id="rId5"/>
  </externalReferences>
  <definedNames>
    <definedName name="______kk1">#REF!</definedName>
    <definedName name="_____kk1">#REF!</definedName>
    <definedName name="____kk1">#REF!</definedName>
    <definedName name="___kk1">#REF!</definedName>
    <definedName name="__kk1">#REF!</definedName>
    <definedName name="_xlnm._FilterDatabase" localSheetId="0" hidden="1">自己点検シート!$A$7:$G$45</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Titles" localSheetId="0">自己点検シート!$7:$8</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45" i="2" l="1"/>
  <c r="I45" i="2"/>
  <c r="J44" i="2"/>
  <c r="I44" i="2"/>
  <c r="J43" i="2"/>
  <c r="I43" i="2"/>
  <c r="J42" i="2"/>
  <c r="I42" i="2"/>
  <c r="J41" i="2"/>
  <c r="I41" i="2"/>
  <c r="J40" i="2"/>
  <c r="I40" i="2"/>
  <c r="J39" i="2"/>
  <c r="I39" i="2"/>
  <c r="J38" i="2"/>
  <c r="I38" i="2"/>
  <c r="J37" i="2"/>
  <c r="I37" i="2"/>
  <c r="J36" i="2"/>
  <c r="I36" i="2"/>
  <c r="J35" i="2"/>
  <c r="I35" i="2"/>
  <c r="J34" i="2"/>
  <c r="I34" i="2"/>
  <c r="J33" i="2"/>
  <c r="I33" i="2"/>
  <c r="J32" i="2"/>
  <c r="I32" i="2"/>
  <c r="J31" i="2"/>
  <c r="I31" i="2"/>
  <c r="J30" i="2"/>
  <c r="I30" i="2"/>
  <c r="J29" i="2"/>
  <c r="I29" i="2"/>
  <c r="J28" i="2"/>
  <c r="I28" i="2"/>
  <c r="J27" i="2"/>
  <c r="I27" i="2"/>
  <c r="J26" i="2"/>
  <c r="I26" i="2"/>
  <c r="J25" i="2"/>
  <c r="I25" i="2"/>
  <c r="J24" i="2"/>
  <c r="I24" i="2"/>
  <c r="J23" i="2"/>
  <c r="I23" i="2"/>
  <c r="J22" i="2"/>
  <c r="I22" i="2"/>
  <c r="J21" i="2"/>
  <c r="I21" i="2"/>
  <c r="J20" i="2"/>
  <c r="I20" i="2"/>
  <c r="J19" i="2"/>
  <c r="I19" i="2"/>
  <c r="J18" i="2"/>
  <c r="I18" i="2"/>
  <c r="J17" i="2"/>
  <c r="I17" i="2"/>
  <c r="J16" i="2"/>
  <c r="I16" i="2"/>
  <c r="J15" i="2"/>
  <c r="I15" i="2"/>
  <c r="J14" i="2"/>
  <c r="I14" i="2"/>
  <c r="J13" i="2"/>
  <c r="I13" i="2"/>
  <c r="J12" i="2"/>
  <c r="I12" i="2"/>
  <c r="J11" i="2"/>
  <c r="I11" i="2"/>
  <c r="J10" i="2"/>
  <c r="I10" i="2"/>
</calcChain>
</file>

<file path=xl/sharedStrings.xml><?xml version="1.0" encoding="utf-8"?>
<sst xmlns="http://schemas.openxmlformats.org/spreadsheetml/2006/main" count="182" uniqueCount="91">
  <si>
    <t>自己点検シート（居宅訪問型児童発達支援）【報酬編】</t>
    <rPh sb="0" eb="2">
      <t>ジコ</t>
    </rPh>
    <rPh sb="2" eb="4">
      <t>テンケン</t>
    </rPh>
    <phoneticPr fontId="3"/>
  </si>
  <si>
    <t>事業所名</t>
    <rPh sb="0" eb="2">
      <t>ジギョウ</t>
    </rPh>
    <rPh sb="2" eb="3">
      <t>ショ</t>
    </rPh>
    <rPh sb="3" eb="4">
      <t>メイ</t>
    </rPh>
    <phoneticPr fontId="3"/>
  </si>
  <si>
    <t>点検者職・氏名</t>
    <rPh sb="0" eb="2">
      <t>テンケン</t>
    </rPh>
    <rPh sb="2" eb="3">
      <t>シャ</t>
    </rPh>
    <rPh sb="3" eb="4">
      <t>ショク</t>
    </rPh>
    <rPh sb="5" eb="6">
      <t>シ</t>
    </rPh>
    <rPh sb="6" eb="7">
      <t>メイ</t>
    </rPh>
    <phoneticPr fontId="3"/>
  </si>
  <si>
    <t>点検年月日</t>
    <rPh sb="0" eb="2">
      <t>テンケン</t>
    </rPh>
    <rPh sb="2" eb="5">
      <t>ネンガッピ</t>
    </rPh>
    <phoneticPr fontId="3"/>
  </si>
  <si>
    <t xml:space="preserve">        　　年　　　月　　　日</t>
    <rPh sb="10" eb="11">
      <t>ネン</t>
    </rPh>
    <rPh sb="14" eb="15">
      <t>ガツ</t>
    </rPh>
    <rPh sb="18" eb="19">
      <t>ニチ</t>
    </rPh>
    <phoneticPr fontId="3"/>
  </si>
  <si>
    <t>項目</t>
    <rPh sb="0" eb="2">
      <t>コウモク</t>
    </rPh>
    <phoneticPr fontId="8"/>
  </si>
  <si>
    <t>確認事項</t>
    <rPh sb="0" eb="2">
      <t>カクニン</t>
    </rPh>
    <rPh sb="2" eb="4">
      <t>ジコウ</t>
    </rPh>
    <phoneticPr fontId="3"/>
  </si>
  <si>
    <t>備考</t>
    <rPh sb="0" eb="2">
      <t>ビコウ</t>
    </rPh>
    <phoneticPr fontId="3"/>
  </si>
  <si>
    <t>点検結果</t>
    <rPh sb="0" eb="2">
      <t>テンケン</t>
    </rPh>
    <rPh sb="2" eb="4">
      <t>ケッカ</t>
    </rPh>
    <phoneticPr fontId="3"/>
  </si>
  <si>
    <t>適</t>
    <rPh sb="0" eb="1">
      <t>テキ</t>
    </rPh>
    <phoneticPr fontId="3"/>
  </si>
  <si>
    <t>不適</t>
    <rPh sb="0" eb="2">
      <t>フテキ</t>
    </rPh>
    <phoneticPr fontId="3"/>
  </si>
  <si>
    <t>該当なし</t>
    <rPh sb="0" eb="2">
      <t>ガイトウ</t>
    </rPh>
    <phoneticPr fontId="3"/>
  </si>
  <si>
    <t>【指定障害児通所支援事業所等給付費算定に係る体制等に関する届出書】</t>
    <phoneticPr fontId="8"/>
  </si>
  <si>
    <t>加算等の体制の届出</t>
    <rPh sb="0" eb="2">
      <t>カサン</t>
    </rPh>
    <rPh sb="2" eb="3">
      <t>トウ</t>
    </rPh>
    <rPh sb="4" eb="6">
      <t>タイセイ</t>
    </rPh>
    <rPh sb="7" eb="9">
      <t>トドケデ</t>
    </rPh>
    <phoneticPr fontId="8"/>
  </si>
  <si>
    <t>指定事業所の体制について加算等が算定されなくなる状況が生じた場合又は加算等が算定されなくなることが明らかになった場合は、速やかにその旨の届出を提出しているか。</t>
    <rPh sb="68" eb="70">
      <t>トドケデ</t>
    </rPh>
    <phoneticPr fontId="8"/>
  </si>
  <si>
    <t>□</t>
  </si>
  <si>
    <t>　加算等が算定されなくなった事実が発生した日から加算等の算定を行わないこととしているか。(処遇改善加算については事実が発生した日の属する月の翌月の初日から）</t>
    <phoneticPr fontId="8"/>
  </si>
  <si>
    <t>【居宅訪問型児童発達支援給付費の算定について】</t>
    <phoneticPr fontId="8"/>
  </si>
  <si>
    <t>　</t>
  </si>
  <si>
    <t>基本報酬</t>
    <rPh sb="0" eb="2">
      <t>キホン</t>
    </rPh>
    <rPh sb="2" eb="4">
      <t>ホウシュウ</t>
    </rPh>
    <phoneticPr fontId="8"/>
  </si>
  <si>
    <t>　指定居宅訪問型児童発達支援を行った場合に、1日につき所定単位数を算定しているか。</t>
    <phoneticPr fontId="8"/>
  </si>
  <si>
    <t>【人員欠如に該当する場合の所定単位数の算定について】</t>
    <phoneticPr fontId="8"/>
  </si>
  <si>
    <t>児童発達支援管理責任者欠如減算</t>
    <rPh sb="0" eb="2">
      <t>ジドウ</t>
    </rPh>
    <rPh sb="2" eb="4">
      <t>ハッタツ</t>
    </rPh>
    <rPh sb="4" eb="6">
      <t>シエン</t>
    </rPh>
    <rPh sb="6" eb="8">
      <t>カンリ</t>
    </rPh>
    <rPh sb="8" eb="10">
      <t>セキニン</t>
    </rPh>
    <rPh sb="10" eb="11">
      <t>シャ</t>
    </rPh>
    <rPh sb="11" eb="13">
      <t>ケツジョ</t>
    </rPh>
    <rPh sb="13" eb="15">
      <t>ゲンサン</t>
    </rPh>
    <phoneticPr fontId="8"/>
  </si>
  <si>
    <t>　事業所の従業者の員数が、基準条例の規定により配置すべき員数を満たしていない場合、次に示した具体的な取扱いにより所定単位数を算定しているか。</t>
    <phoneticPr fontId="8"/>
  </si>
  <si>
    <t xml:space="preserve">【点検結果の記入方法】
〇人員欠如減算の該当月がない
→「該当なし」
〇人員欠如減算の該当月あり、適切に適用済→「適」
〇人員欠如減算の該当月あり、適切に減算を適用していない
→「不適」
</t>
    <rPh sb="13" eb="17">
      <t>ジンインケツジョ</t>
    </rPh>
    <rPh sb="37" eb="41">
      <t>ジンインケツジョ</t>
    </rPh>
    <rPh sb="41" eb="43">
      <t>ゲンサン</t>
    </rPh>
    <rPh sb="63" eb="67">
      <t>ジンインケツジョ</t>
    </rPh>
    <phoneticPr fontId="2"/>
  </si>
  <si>
    <t>児童発達支援管理責任者が配置すべき員数を満たしていない場合</t>
    <phoneticPr fontId="8"/>
  </si>
  <si>
    <t>　人員欠如の翌々月から人員欠如が解消されるに至った月まで、障害児の全員について減算しているか。</t>
    <phoneticPr fontId="8"/>
  </si>
  <si>
    <t>専従など、従業者の員数以外の要件を満たしていない場合</t>
    <phoneticPr fontId="8"/>
  </si>
  <si>
    <t>　人員(要件)欠如の翌々月から人員(要件）欠如が解消されるに至った月まで、障害児の全員について減算しているか。</t>
    <phoneticPr fontId="8"/>
  </si>
  <si>
    <t>　多機能型事業所であって、複数の障害児通所支援の合計数に基づき、配置すべき指導員等の員数等を満たしていない場合</t>
    <phoneticPr fontId="8"/>
  </si>
  <si>
    <t>　当該複数の障害児通所支援の障害児全員について減算しているか。</t>
    <phoneticPr fontId="8"/>
  </si>
  <si>
    <t>【個別支援計画の作成に係る業務が適正に行われていない場合の所定単位数の算定について】</t>
    <phoneticPr fontId="8"/>
  </si>
  <si>
    <t>個別支援計画未作成等減算</t>
    <phoneticPr fontId="8"/>
  </si>
  <si>
    <t>　次のいずれかに該当する月から当該状態が解消されるに至った月の前月まで、該当する障害児につき減算しているか。
(１）　児童発達支援管理責任者による指揮の下、個別支援計画が作成されていない場合
(２）　個別支援計画に係る一連の業務が適切に行われていない場合</t>
    <phoneticPr fontId="8"/>
  </si>
  <si>
    <t xml:space="preserve">
【点検結果の記入方法】
〇当該減算の該当がない
→「該当なし」
〇当該減算の該当月あり、適切に適用済→「適」
〇当該減算の該当月あり、適切に減算を適用していない
→「不適」
</t>
    <rPh sb="14" eb="16">
      <t>トウガイ</t>
    </rPh>
    <rPh sb="16" eb="18">
      <t>ゲンサン</t>
    </rPh>
    <rPh sb="19" eb="21">
      <t>ガイトウ</t>
    </rPh>
    <rPh sb="35" eb="37">
      <t>トウガイ</t>
    </rPh>
    <rPh sb="59" eb="61">
      <t>トウガイ</t>
    </rPh>
    <phoneticPr fontId="8"/>
  </si>
  <si>
    <t>【身体拘束の記録が不十分な場合の減算について】</t>
    <phoneticPr fontId="8"/>
  </si>
  <si>
    <t>　やむを得ず身体拘束等を行ったときに、その態様及び時間、その際の利用者の心身の状況並びに緊急やむを得ない理由を記録しているか。</t>
    <phoneticPr fontId="8"/>
  </si>
  <si>
    <t>「緊急やむを得ない理由」とは切迫性・非代替性・一時性のすべてを満たすこと</t>
    <rPh sb="14" eb="17">
      <t>セッパクセイ</t>
    </rPh>
    <rPh sb="18" eb="22">
      <t>ヒダイタイセイ</t>
    </rPh>
    <rPh sb="23" eb="26">
      <t>イチジセイ</t>
    </rPh>
    <rPh sb="31" eb="32">
      <t>ミ</t>
    </rPh>
    <phoneticPr fontId="8"/>
  </si>
  <si>
    <t>　上記に記録を行っていない場合、その事実が生じた月の翌月から改善が認められた月までの間について、利用児全員について１日につき５単位を所定単位数から減算しているか。</t>
    <phoneticPr fontId="8"/>
  </si>
  <si>
    <t xml:space="preserve">
【点検結果の記入方法】
〇当該減算の該当がない
→「該当なし」
〇当該減算の該当月あり、適切に適用済→「適」
〇当該減算の該当月あり、適切に減算を適用していない→「不適」
</t>
    <phoneticPr fontId="2"/>
  </si>
  <si>
    <t>　身体拘束に関する記録が行われていない場合は、速やかに西宮市長に改善計画を提出するとともに、その事実が生じた月の３月後に改善計画に基づく改善状況を西宮市長に報告しているか。</t>
    <rPh sb="73" eb="76">
      <t>ニシノミヤシ</t>
    </rPh>
    <rPh sb="76" eb="77">
      <t>チョウ</t>
    </rPh>
    <phoneticPr fontId="8"/>
  </si>
  <si>
    <t xml:space="preserve">
【点検結果の記入方法】
〇改善計画の該当がない
→「該当なし」
〇改善計画提出すべき事案あり、適切に提出済→適」
〇改善計画提出すべき事案あり、適切に提出していない→「不適」
</t>
    <rPh sb="14" eb="16">
      <t>カイゼン</t>
    </rPh>
    <rPh sb="16" eb="18">
      <t>ケイカク</t>
    </rPh>
    <rPh sb="35" eb="39">
      <t>カイゼンケイカク</t>
    </rPh>
    <rPh sb="39" eb="41">
      <t>テイシュツ</t>
    </rPh>
    <rPh sb="44" eb="46">
      <t>ジアン</t>
    </rPh>
    <rPh sb="52" eb="54">
      <t>テイシュツ</t>
    </rPh>
    <rPh sb="61" eb="65">
      <t>カイゼンケイカク</t>
    </rPh>
    <rPh sb="65" eb="67">
      <t>テイシュツ</t>
    </rPh>
    <rPh sb="70" eb="72">
      <t>ジアン</t>
    </rPh>
    <rPh sb="78" eb="80">
      <t>テイシュツ</t>
    </rPh>
    <phoneticPr fontId="2"/>
  </si>
  <si>
    <t>【訪問支援員特別加算（専門職員が支援を行う場合）の取扱い】</t>
    <phoneticPr fontId="8"/>
  </si>
  <si>
    <t>　障害児通所支援事業、障害児相談支援事業若しくはこれらに準ずる事業の従事者若しくはこれに準ずる者又は障害児入所施設又はこれに準ずる施設の従業者又はこれに準ずる者であって、次の（ア）又は（イ）のいずれかの職員が配置されているものとして西宮市長に届け出た事業所において指定居宅訪問型児童発達支援を行った場合に、１日につき所定単位数を加算しているか。</t>
    <phoneticPr fontId="8"/>
  </si>
  <si>
    <t>　（ア）理学療法士、作業療法士、言語聴覚士、保育士若しくは看護職員の資格を取得後又は児童指導員、児童発達支援管理責任者、サービス管理責任者若しくは心理指導担当職員として配置された日以後、障害児に対する直接支援の業務、相談支援の業務又はこれに準ずる業務に５年以上従事した者</t>
    <phoneticPr fontId="8"/>
  </si>
  <si>
    <t>　（イ）障害児に対する直接支援の業務、相談支援の業務又はこれ に準ずる業務に10年以上従事した者</t>
    <phoneticPr fontId="8"/>
  </si>
  <si>
    <t>【通所施設移行支援加算の取扱い】</t>
    <phoneticPr fontId="8"/>
  </si>
  <si>
    <t>　指定居宅訪問型児童発達支援事業所に置くべき従業者が、利用する障害児に対して、児童発達支援センター、指定児童発達支援事業所、指定放課後等デイサービス事業所に通うための相談援助及び連絡調整を行った場合に、１回を限度として所定単位数を加算しているか。</t>
    <phoneticPr fontId="8"/>
  </si>
  <si>
    <t>　支援を行った日及び支援の内容の要点に関する記録を行っているか。</t>
    <phoneticPr fontId="8"/>
  </si>
  <si>
    <t>【利用者負担上限額管理加算の取扱いについて】</t>
    <phoneticPr fontId="8"/>
  </si>
  <si>
    <t>　利用者負担額合計額の管理を行った場合に、1月につき所定単位数を加算しているか。</t>
    <phoneticPr fontId="8"/>
  </si>
  <si>
    <t>【福祉・介護職員処遇改善加算の取扱いについて】</t>
    <phoneticPr fontId="8"/>
  </si>
  <si>
    <t>　賃金改善に要する費用が福祉・介護職員処遇改善加算の算定見込額を上回る賃金改善計画を策定し、賃金改善計画及びその他の処遇改善の計画等を記載した障害福祉サービス等処遇改善計画書を加算を取得する月の前々月の末日までに提出しているか。</t>
    <phoneticPr fontId="8"/>
  </si>
  <si>
    <t>　上記の障害福祉サービス等処遇改善計画書等を用いて、賃金改善を行う方法（賃金改善の対象者、支払いの時期、要件、額）等について、職員に周知しているか。また、就業規則等の内容についても職員に周知しているか。</t>
    <phoneticPr fontId="8"/>
  </si>
  <si>
    <t>　処遇改善加算として給付された額は、職員の賃金改善のために全額支出しているか。</t>
    <phoneticPr fontId="8"/>
  </si>
  <si>
    <t>　前年度の処遇改善実績報告書を、７月末までに西宮市に提出しているか。</t>
    <phoneticPr fontId="8"/>
  </si>
  <si>
    <t>　障害福祉サービス等処遇改善計画書の記載内容の根拠となる資料、就業規則等及び労働保険に加入していることが確認できる書類を適切に保管しているか。また、西宮市長から求めがあった場合には速やかに提示しているか。</t>
    <phoneticPr fontId="8"/>
  </si>
  <si>
    <t>福祉・介護職員処遇改善加算（Ⅰ）</t>
    <phoneticPr fontId="8"/>
  </si>
  <si>
    <t>　キャリアパス要件（Ⅰ）、キャリアパス要件（Ⅱ）、キャリアパス要件（Ⅲ）、職場環境等要件の全てを満たしているか。</t>
    <phoneticPr fontId="8"/>
  </si>
  <si>
    <t>キャリアパス要件・職場環境要件は別シート参照</t>
    <rPh sb="6" eb="8">
      <t>ヨウケン</t>
    </rPh>
    <rPh sb="9" eb="11">
      <t>ショクバ</t>
    </rPh>
    <rPh sb="11" eb="13">
      <t>カンキョウ</t>
    </rPh>
    <rPh sb="13" eb="15">
      <t>ヨウケン</t>
    </rPh>
    <rPh sb="16" eb="17">
      <t>ベツ</t>
    </rPh>
    <rPh sb="20" eb="22">
      <t>サンショウ</t>
    </rPh>
    <phoneticPr fontId="8"/>
  </si>
  <si>
    <t>福祉・介護職員処遇改善加算（Ⅱ）</t>
    <phoneticPr fontId="8"/>
  </si>
  <si>
    <t>　キャリアパス要件（Ⅰ）、キャリアパス要件（Ⅱ）、職場環境等要件の全てを満たしているか。</t>
    <phoneticPr fontId="8"/>
  </si>
  <si>
    <t>福祉・介護職員処遇改善加算（Ⅲ）</t>
    <phoneticPr fontId="8"/>
  </si>
  <si>
    <t>　キャリアパス要件（Ⅰ）又はキャリアパス要件（Ⅱ）のどちらかの要件を満たすことに加え、職場環境等要件を満たしているか。</t>
    <phoneticPr fontId="8"/>
  </si>
  <si>
    <t>【福祉・介護職員特定処遇改善加算等の取扱いについて】</t>
    <rPh sb="8" eb="10">
      <t>トクテイ</t>
    </rPh>
    <phoneticPr fontId="8"/>
  </si>
  <si>
    <t>福祉・介護職員等特定処遇改善加算（Ⅰ）</t>
    <phoneticPr fontId="8"/>
  </si>
  <si>
    <t>　配置等要件、処遇改善加算要件、職場環境等要件及び見える化要件の全てを満たしているか。</t>
    <phoneticPr fontId="8"/>
  </si>
  <si>
    <t>配置等要件、処遇改善加算要件、職場環境等要件及び見える化要件は別シート参照</t>
    <rPh sb="31" eb="32">
      <t>ベツ</t>
    </rPh>
    <rPh sb="35" eb="37">
      <t>サンショウ</t>
    </rPh>
    <phoneticPr fontId="8"/>
  </si>
  <si>
    <t>福祉・介護職員等特定処遇改善加算（Ⅱ）</t>
    <phoneticPr fontId="8"/>
  </si>
  <si>
    <t>　処遇改善加算要件、職場環境等要件及び見える化要件の全てを満たしているか。</t>
    <phoneticPr fontId="8"/>
  </si>
  <si>
    <t>処遇改善加算要件、職場環境等要件及び見える化要件は別シート参照</t>
    <rPh sb="25" eb="26">
      <t>ベツ</t>
    </rPh>
    <rPh sb="29" eb="31">
      <t>サンショウ</t>
    </rPh>
    <phoneticPr fontId="8"/>
  </si>
  <si>
    <t>◆福祉・介護職員処遇改善加算</t>
    <phoneticPr fontId="8"/>
  </si>
  <si>
    <t>キャリアパス要件（Ⅰ）</t>
    <rPh sb="6" eb="8">
      <t>ヨウケン</t>
    </rPh>
    <phoneticPr fontId="8"/>
  </si>
  <si>
    <t>職位・職責・職務内容に応じた任用要件と賃金体系を整備し、就業規則等の明確な根拠規定を書面で整備し、全ての福祉・介護職員に周知していること。</t>
    <phoneticPr fontId="8"/>
  </si>
  <si>
    <t>キャリアパス要件（Ⅱ）</t>
    <rPh sb="6" eb="8">
      <t>ヨウケン</t>
    </rPh>
    <phoneticPr fontId="8"/>
  </si>
  <si>
    <t>資質向上のための目標及び具体的な計画を策定して、研修の実施又は研修の機会を確保し、全ての福祉・介護職員に周知していること。</t>
    <phoneticPr fontId="8"/>
  </si>
  <si>
    <t>キャリアパス要件（Ⅲ）</t>
    <phoneticPr fontId="8"/>
  </si>
  <si>
    <t>経験若しくは資格等に応じて昇給する仕組み又は一定の基準に基づき定期に昇給を判定する仕組みを設け、その内容について就業規則等の明確な根拠規定を書面で整備し、全ての福祉・介護職員に周知していること。</t>
    <phoneticPr fontId="8"/>
  </si>
  <si>
    <t>職場環境等要件</t>
    <phoneticPr fontId="8"/>
  </si>
  <si>
    <t>①賃金改善以外の処遇改善（職場環境の改善など）の取組みを実施し、その内容を全ての福祉・介護職員に周知していること。</t>
    <phoneticPr fontId="8"/>
  </si>
  <si>
    <t>➁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から１つ以上の取組を行うこと。また、実施した取組みを全ての職員に周知していること。</t>
    <phoneticPr fontId="8"/>
  </si>
  <si>
    <t>◆福祉・介護職員特定処遇改善加算</t>
    <rPh sb="8" eb="10">
      <t>トクテイ</t>
    </rPh>
    <phoneticPr fontId="8"/>
  </si>
  <si>
    <t>配置等要件</t>
    <phoneticPr fontId="8"/>
  </si>
  <si>
    <t>福祉専門職員配置等加算を算定していること。</t>
    <phoneticPr fontId="8"/>
  </si>
  <si>
    <t>処遇改善加算要件</t>
    <phoneticPr fontId="8"/>
  </si>
  <si>
    <t>処遇改善加算（Ⅰ）から（Ⅲ）までのいずれかを算定していること。</t>
  </si>
  <si>
    <t>職場環境等要件</t>
  </si>
  <si>
    <t>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の６つの区分から任意で３つの区分を選択し、選択した区分でそれぞれ１つ以上の取組を行うこと。また、実施した取組みを全ての職員に周知していること。</t>
    <phoneticPr fontId="8"/>
  </si>
  <si>
    <t>見える化要件</t>
    <phoneticPr fontId="8"/>
  </si>
  <si>
    <t>特定加算に基づく取組みについて、ホームページへの掲載等により公表していること。</t>
    <phoneticPr fontId="8"/>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_x000a_@\_x000a_"/>
  </numFmts>
  <fonts count="17" x14ac:knownFonts="1">
    <font>
      <sz val="11"/>
      <color theme="1"/>
      <name val="游ゴシック"/>
      <family val="2"/>
      <charset val="128"/>
      <scheme val="minor"/>
    </font>
    <font>
      <b/>
      <sz val="14"/>
      <name val="ＭＳ ゴシック"/>
      <family val="3"/>
      <charset val="128"/>
    </font>
    <font>
      <sz val="6"/>
      <name val="游ゴシック"/>
      <family val="2"/>
      <charset val="128"/>
      <scheme val="minor"/>
    </font>
    <font>
      <sz val="6"/>
      <name val="ＭＳ Ｐゴシック"/>
      <family val="3"/>
      <charset val="128"/>
    </font>
    <font>
      <sz val="11"/>
      <color rgb="FF000000"/>
      <name val="游ゴシック"/>
      <family val="3"/>
      <charset val="128"/>
      <scheme val="minor"/>
    </font>
    <font>
      <sz val="9"/>
      <name val="ＭＳ ゴシック"/>
      <family val="3"/>
      <charset val="128"/>
    </font>
    <font>
      <sz val="14"/>
      <name val="ＭＳ ゴシック"/>
      <family val="3"/>
      <charset val="128"/>
    </font>
    <font>
      <sz val="11"/>
      <color rgb="FF000000"/>
      <name val="ＭＳ Ｐゴシック"/>
      <family val="3"/>
      <charset val="128"/>
    </font>
    <font>
      <sz val="6"/>
      <name val="ＭＳ Ｐ明朝"/>
      <family val="1"/>
      <charset val="128"/>
    </font>
    <font>
      <sz val="10"/>
      <name val="ＭＳ ゴシック"/>
      <family val="3"/>
      <charset val="128"/>
    </font>
    <font>
      <sz val="5"/>
      <name val="ＭＳ ゴシック"/>
      <family val="3"/>
      <charset val="128"/>
    </font>
    <font>
      <sz val="9"/>
      <name val="ＭＳ Ｐゴシック"/>
      <family val="3"/>
      <charset val="128"/>
    </font>
    <font>
      <sz val="12"/>
      <name val="ＭＳ ゴシック"/>
      <family val="3"/>
      <charset val="128"/>
    </font>
    <font>
      <sz val="9"/>
      <color rgb="FF0070C0"/>
      <name val="ＭＳ ゴシック"/>
      <family val="3"/>
      <charset val="128"/>
    </font>
    <font>
      <sz val="11"/>
      <name val="ＭＳ Ｐ明朝"/>
      <family val="1"/>
      <charset val="128"/>
    </font>
    <font>
      <sz val="11"/>
      <name val="ＭＳ ゴシック"/>
      <family val="3"/>
      <charset val="128"/>
    </font>
    <font>
      <sz val="12"/>
      <color rgb="FFFF0000"/>
      <name val="ＭＳ ゴシック"/>
      <family val="3"/>
      <charset val="128"/>
    </font>
  </fonts>
  <fills count="5">
    <fill>
      <patternFill patternType="none"/>
    </fill>
    <fill>
      <patternFill patternType="gray125"/>
    </fill>
    <fill>
      <patternFill patternType="solid">
        <fgColor rgb="FFCCFFFF"/>
        <bgColor rgb="FF000000"/>
      </patternFill>
    </fill>
    <fill>
      <patternFill patternType="solid">
        <fgColor rgb="FFFFFF00"/>
        <bgColor rgb="FF000000"/>
      </patternFill>
    </fill>
    <fill>
      <patternFill patternType="solid">
        <fgColor theme="0" tint="-4.9989318521683403E-2"/>
        <bgColor indexed="64"/>
      </patternFill>
    </fill>
  </fills>
  <borders count="21">
    <border>
      <left/>
      <right/>
      <top/>
      <bottom/>
      <diagonal/>
    </border>
    <border>
      <left/>
      <right/>
      <top/>
      <bottom style="double">
        <color indexed="64"/>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double">
        <color indexed="64"/>
      </right>
      <top style="thin">
        <color indexed="64"/>
      </top>
      <bottom style="thin">
        <color indexed="64"/>
      </bottom>
      <diagonal/>
    </border>
    <border>
      <left style="double">
        <color indexed="64"/>
      </left>
      <right/>
      <top/>
      <bottom style="double">
        <color indexed="64"/>
      </bottom>
      <diagonal/>
    </border>
    <border>
      <left/>
      <right style="thin">
        <color indexed="64"/>
      </right>
      <top/>
      <bottom style="double">
        <color indexed="64"/>
      </bottom>
      <diagonal/>
    </border>
    <border>
      <left/>
      <right style="double">
        <color indexed="64"/>
      </right>
      <top/>
      <bottom style="double">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right/>
      <top style="thin">
        <color indexed="64"/>
      </top>
      <bottom/>
      <diagonal/>
    </border>
    <border>
      <left/>
      <right style="thin">
        <color indexed="64"/>
      </right>
      <top style="thin">
        <color indexed="64"/>
      </top>
      <bottom/>
      <diagonal/>
    </border>
  </borders>
  <cellStyleXfs count="4">
    <xf numFmtId="0" fontId="0" fillId="0" borderId="0">
      <alignment vertical="center"/>
    </xf>
    <xf numFmtId="0" fontId="4" fillId="0" borderId="0">
      <alignment vertical="center"/>
    </xf>
    <xf numFmtId="0" fontId="7" fillId="0" borderId="0">
      <alignment vertical="center"/>
    </xf>
    <xf numFmtId="0" fontId="14" fillId="0" borderId="0"/>
  </cellStyleXfs>
  <cellXfs count="59">
    <xf numFmtId="0" fontId="0" fillId="0" borderId="0" xfId="0">
      <alignment vertical="center"/>
    </xf>
    <xf numFmtId="0" fontId="5" fillId="0" borderId="0" xfId="1" applyFont="1" applyFill="1">
      <alignment vertical="center"/>
    </xf>
    <xf numFmtId="0" fontId="6" fillId="0" borderId="4" xfId="0" applyFont="1" applyFill="1" applyBorder="1" applyAlignment="1">
      <alignment horizontal="left" vertical="center"/>
    </xf>
    <xf numFmtId="0" fontId="6" fillId="0" borderId="5" xfId="0" applyFont="1" applyFill="1" applyBorder="1" applyAlignment="1">
      <alignment horizontal="left" vertical="center"/>
    </xf>
    <xf numFmtId="0" fontId="6" fillId="0" borderId="8" xfId="0" applyFont="1" applyFill="1" applyBorder="1" applyAlignment="1">
      <alignment horizontal="left" vertical="center"/>
    </xf>
    <xf numFmtId="0" fontId="6" fillId="0" borderId="9" xfId="0" applyFont="1" applyFill="1" applyBorder="1" applyAlignment="1">
      <alignment horizontal="left" vertical="center"/>
    </xf>
    <xf numFmtId="0" fontId="6" fillId="0" borderId="1" xfId="0" applyFont="1" applyFill="1" applyBorder="1" applyAlignment="1">
      <alignment horizontal="left" vertical="center"/>
    </xf>
    <xf numFmtId="0" fontId="6" fillId="0" borderId="12" xfId="0" applyFont="1" applyFill="1" applyBorder="1" applyAlignment="1">
      <alignment horizontal="left" vertical="center"/>
    </xf>
    <xf numFmtId="0" fontId="6" fillId="0" borderId="0" xfId="1" applyFont="1" applyFill="1" applyAlignment="1">
      <alignment vertical="center"/>
    </xf>
    <xf numFmtId="0" fontId="6" fillId="0" borderId="0" xfId="1" applyFont="1" applyFill="1" applyAlignment="1">
      <alignment horizontal="center" vertical="center"/>
    </xf>
    <xf numFmtId="0" fontId="5" fillId="0" borderId="0" xfId="2" applyFont="1" applyFill="1">
      <alignment vertical="center"/>
    </xf>
    <xf numFmtId="0" fontId="5" fillId="0" borderId="13" xfId="2" applyFont="1" applyFill="1" applyBorder="1" applyAlignment="1">
      <alignment vertical="center"/>
    </xf>
    <xf numFmtId="0" fontId="5" fillId="0" borderId="13" xfId="2" applyFont="1" applyFill="1" applyBorder="1" applyAlignment="1">
      <alignment horizontal="left" vertical="center"/>
    </xf>
    <xf numFmtId="0" fontId="5" fillId="0" borderId="0" xfId="2" applyFont="1" applyFill="1" applyBorder="1" applyAlignment="1">
      <alignment horizontal="left" vertical="center"/>
    </xf>
    <xf numFmtId="0" fontId="5" fillId="2" borderId="16" xfId="1" applyFont="1" applyFill="1" applyBorder="1" applyAlignment="1">
      <alignment horizontal="centerContinuous" vertical="center"/>
    </xf>
    <xf numFmtId="0" fontId="5" fillId="2" borderId="8" xfId="1" applyFont="1" applyFill="1" applyBorder="1" applyAlignment="1">
      <alignment horizontal="centerContinuous" vertical="center"/>
    </xf>
    <xf numFmtId="0" fontId="9" fillId="2" borderId="7" xfId="1" applyFont="1" applyFill="1" applyBorder="1" applyAlignment="1">
      <alignment horizontal="centerContinuous" vertical="center"/>
    </xf>
    <xf numFmtId="0" fontId="5" fillId="2" borderId="17" xfId="1" applyFont="1" applyFill="1" applyBorder="1" applyAlignment="1">
      <alignment horizontal="center" vertical="center"/>
    </xf>
    <xf numFmtId="0" fontId="10" fillId="2" borderId="17" xfId="1" applyFont="1" applyFill="1" applyBorder="1" applyAlignment="1">
      <alignment horizontal="center" vertical="center"/>
    </xf>
    <xf numFmtId="0" fontId="5" fillId="2" borderId="14" xfId="1" applyFont="1" applyFill="1" applyBorder="1" applyAlignment="1">
      <alignment horizontal="center" vertical="center" wrapText="1"/>
    </xf>
    <xf numFmtId="0" fontId="11" fillId="0" borderId="15" xfId="1" applyFont="1" applyFill="1" applyBorder="1" applyAlignment="1">
      <alignment vertical="center" wrapText="1"/>
    </xf>
    <xf numFmtId="176" fontId="5" fillId="0" borderId="14" xfId="1" applyNumberFormat="1" applyFont="1" applyFill="1" applyBorder="1" applyAlignment="1">
      <alignment horizontal="left" vertical="center" wrapText="1"/>
    </xf>
    <xf numFmtId="0" fontId="5" fillId="0" borderId="14" xfId="1" applyFont="1" applyFill="1" applyBorder="1" applyAlignment="1">
      <alignment horizontal="left" vertical="center" wrapText="1"/>
    </xf>
    <xf numFmtId="0" fontId="12" fillId="0" borderId="14" xfId="1" applyFont="1" applyFill="1" applyBorder="1" applyAlignment="1">
      <alignment horizontal="center" vertical="center" wrapText="1"/>
    </xf>
    <xf numFmtId="0" fontId="11" fillId="0" borderId="14" xfId="1" applyFont="1" applyFill="1" applyBorder="1" applyAlignment="1">
      <alignment vertical="center" wrapText="1"/>
    </xf>
    <xf numFmtId="176" fontId="11" fillId="0" borderId="14" xfId="1" applyNumberFormat="1" applyFont="1" applyFill="1" applyBorder="1" applyAlignment="1">
      <alignment vertical="center" wrapText="1"/>
    </xf>
    <xf numFmtId="176" fontId="5" fillId="0" borderId="14" xfId="1" applyNumberFormat="1" applyFont="1" applyFill="1" applyBorder="1" applyAlignment="1">
      <alignment vertical="center" wrapText="1"/>
    </xf>
    <xf numFmtId="0" fontId="5" fillId="0" borderId="14" xfId="1" applyFont="1" applyFill="1" applyBorder="1" applyAlignment="1">
      <alignment vertical="center" wrapText="1"/>
    </xf>
    <xf numFmtId="0" fontId="5" fillId="4" borderId="14" xfId="1" applyFont="1" applyFill="1" applyBorder="1" applyAlignment="1">
      <alignment vertical="center" wrapText="1"/>
    </xf>
    <xf numFmtId="0" fontId="5" fillId="4" borderId="14" xfId="1" applyFont="1" applyFill="1" applyBorder="1" applyAlignment="1">
      <alignment vertical="top" wrapText="1"/>
    </xf>
    <xf numFmtId="0" fontId="5" fillId="0" borderId="8" xfId="1" applyFont="1" applyFill="1" applyBorder="1" applyAlignment="1">
      <alignment vertical="top" wrapText="1"/>
    </xf>
    <xf numFmtId="0" fontId="13" fillId="0" borderId="14" xfId="1" applyFont="1" applyFill="1" applyBorder="1" applyAlignment="1">
      <alignment vertical="center" wrapText="1"/>
    </xf>
    <xf numFmtId="0" fontId="15" fillId="0" borderId="0" xfId="3" applyFont="1" applyAlignment="1">
      <alignment wrapText="1"/>
    </xf>
    <xf numFmtId="0" fontId="15" fillId="0" borderId="0" xfId="3" applyFont="1"/>
    <xf numFmtId="0" fontId="15" fillId="0" borderId="0" xfId="3" applyFont="1" applyAlignment="1"/>
    <xf numFmtId="0" fontId="15" fillId="0" borderId="0" xfId="3" applyFont="1" applyAlignment="1">
      <alignment vertical="center" wrapText="1"/>
    </xf>
    <xf numFmtId="0" fontId="0" fillId="0" borderId="0" xfId="0" applyBorder="1">
      <alignment vertical="center"/>
    </xf>
    <xf numFmtId="0" fontId="5" fillId="0" borderId="16" xfId="1" applyFont="1" applyFill="1" applyBorder="1" applyAlignment="1">
      <alignment horizontal="left" vertical="center" wrapText="1"/>
    </xf>
    <xf numFmtId="0" fontId="16" fillId="0" borderId="0" xfId="1" applyFont="1" applyFill="1" applyBorder="1" applyAlignment="1">
      <alignment horizontal="center" vertical="center" wrapText="1"/>
    </xf>
    <xf numFmtId="0" fontId="5" fillId="3" borderId="16" xfId="1" applyFont="1" applyFill="1" applyBorder="1" applyAlignment="1">
      <alignment vertical="center"/>
    </xf>
    <xf numFmtId="0" fontId="5" fillId="3" borderId="8" xfId="1" applyFont="1" applyFill="1" applyBorder="1" applyAlignment="1">
      <alignment vertical="center"/>
    </xf>
    <xf numFmtId="0" fontId="5" fillId="3" borderId="7" xfId="1" applyFont="1" applyFill="1" applyBorder="1" applyAlignment="1">
      <alignment vertical="center"/>
    </xf>
    <xf numFmtId="0" fontId="1" fillId="0" borderId="1" xfId="0" applyFont="1" applyFill="1" applyBorder="1" applyAlignment="1">
      <alignment horizontal="center" vertical="center"/>
    </xf>
    <xf numFmtId="0" fontId="5" fillId="0" borderId="2" xfId="0" applyFont="1" applyFill="1" applyBorder="1" applyAlignment="1">
      <alignment horizontal="distributed" vertical="center" justifyLastLine="1"/>
    </xf>
    <xf numFmtId="0" fontId="5" fillId="0" borderId="3" xfId="0" applyFont="1" applyFill="1" applyBorder="1" applyAlignment="1">
      <alignment horizontal="distributed" vertical="center" justifyLastLine="1"/>
    </xf>
    <xf numFmtId="0" fontId="5" fillId="0" borderId="6" xfId="0" applyFont="1" applyFill="1" applyBorder="1" applyAlignment="1">
      <alignment horizontal="distributed" vertical="center" justifyLastLine="1"/>
    </xf>
    <xf numFmtId="0" fontId="5" fillId="0" borderId="7" xfId="0" applyFont="1" applyFill="1" applyBorder="1" applyAlignment="1">
      <alignment horizontal="distributed" vertical="center" justifyLastLine="1"/>
    </xf>
    <xf numFmtId="0" fontId="5" fillId="0" borderId="10" xfId="0" applyFont="1" applyFill="1" applyBorder="1" applyAlignment="1">
      <alignment horizontal="distributed" vertical="center" justifyLastLine="1"/>
    </xf>
    <xf numFmtId="0" fontId="5" fillId="0" borderId="11" xfId="0" applyFont="1" applyFill="1" applyBorder="1" applyAlignment="1">
      <alignment horizontal="distributed" vertical="center" justifyLastLine="1"/>
    </xf>
    <xf numFmtId="0" fontId="5" fillId="2" borderId="14" xfId="1" applyFont="1" applyFill="1" applyBorder="1" applyAlignment="1">
      <alignment horizontal="center" vertical="center"/>
    </xf>
    <xf numFmtId="0" fontId="5" fillId="2" borderId="15" xfId="1" applyFont="1" applyFill="1" applyBorder="1" applyAlignment="1">
      <alignment horizontal="center" vertical="center"/>
    </xf>
    <xf numFmtId="0" fontId="5" fillId="2" borderId="17" xfId="1" applyFont="1" applyFill="1" applyBorder="1" applyAlignment="1">
      <alignment horizontal="center" vertical="center"/>
    </xf>
    <xf numFmtId="0" fontId="5" fillId="2" borderId="15" xfId="1" applyFont="1" applyFill="1" applyBorder="1" applyAlignment="1">
      <alignment horizontal="center" vertical="center" shrinkToFit="1"/>
    </xf>
    <xf numFmtId="0" fontId="5" fillId="2" borderId="17" xfId="1" applyFont="1" applyFill="1" applyBorder="1" applyAlignment="1">
      <alignment horizontal="center" vertical="center" shrinkToFit="1"/>
    </xf>
    <xf numFmtId="0" fontId="5" fillId="4" borderId="15" xfId="1" applyFont="1" applyFill="1" applyBorder="1" applyAlignment="1">
      <alignment horizontal="left" vertical="top" wrapText="1"/>
    </xf>
    <xf numFmtId="0" fontId="5" fillId="4" borderId="18" xfId="1" applyFont="1" applyFill="1" applyBorder="1" applyAlignment="1">
      <alignment horizontal="left" vertical="top" wrapText="1"/>
    </xf>
    <xf numFmtId="0" fontId="5" fillId="4" borderId="17" xfId="1" applyFont="1" applyFill="1" applyBorder="1" applyAlignment="1">
      <alignment horizontal="left" vertical="top" wrapText="1"/>
    </xf>
    <xf numFmtId="0" fontId="5" fillId="3" borderId="19" xfId="1" applyFont="1" applyFill="1" applyBorder="1" applyAlignment="1">
      <alignment vertical="center"/>
    </xf>
    <xf numFmtId="0" fontId="5" fillId="3" borderId="20" xfId="1" applyFont="1" applyFill="1" applyBorder="1" applyAlignment="1">
      <alignment vertical="center"/>
    </xf>
  </cellXfs>
  <cellStyles count="4">
    <cellStyle name="標準" xfId="0" builtinId="0"/>
    <cellStyle name="標準 2" xfId="3"/>
    <cellStyle name="標準 3" xfId="1"/>
    <cellStyle name="標準_Book1"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0</xdr:col>
      <xdr:colOff>28575</xdr:colOff>
      <xdr:row>4</xdr:row>
      <xdr:rowOff>57150</xdr:rowOff>
    </xdr:from>
    <xdr:to>
      <xdr:col>6</xdr:col>
      <xdr:colOff>304800</xdr:colOff>
      <xdr:row>6</xdr:row>
      <xdr:rowOff>3921</xdr:rowOff>
    </xdr:to>
    <xdr:sp macro="" textlink="">
      <xdr:nvSpPr>
        <xdr:cNvPr id="2" name="AutoShape 2">
          <a:extLst>
            <a:ext uri="{FF2B5EF4-FFF2-40B4-BE49-F238E27FC236}">
              <a16:creationId xmlns:a16="http://schemas.microsoft.com/office/drawing/2014/main" id="{00000000-0008-0000-0100-000002000000}"/>
            </a:ext>
          </a:extLst>
        </xdr:cNvPr>
        <xdr:cNvSpPr>
          <a:spLocks noChangeArrowheads="1"/>
        </xdr:cNvSpPr>
      </xdr:nvSpPr>
      <xdr:spPr bwMode="auto">
        <a:xfrm>
          <a:off x="28575" y="962025"/>
          <a:ext cx="8258175" cy="470646"/>
        </a:xfrm>
        <a:prstGeom prst="roundRect">
          <a:avLst>
            <a:gd name="adj" fmla="val 12856"/>
          </a:avLst>
        </a:prstGeom>
        <a:solidFill>
          <a:srgbClr val="FFFF00"/>
        </a:solidFill>
        <a:ln w="9525" cap="rnd">
          <a:solidFill>
            <a:srgbClr val="333399"/>
          </a:solidFill>
          <a:prstDash val="sysDot"/>
          <a:round/>
          <a:headEnd/>
          <a:tailEnd/>
        </a:ln>
      </xdr:spPr>
      <xdr:txBody>
        <a:bodyPr vertOverflow="clip" wrap="square" lIns="27432" tIns="18288" rIns="0" bIns="0" anchor="ctr" upright="1"/>
        <a:lstStyle/>
        <a:p>
          <a:pPr algn="l" rtl="0">
            <a:lnSpc>
              <a:spcPts val="900"/>
            </a:lnSpc>
            <a:defRPr sz="1000"/>
          </a:pPr>
          <a:r>
            <a:rPr lang="ja-JP" altLang="en-US" sz="1100" b="0" i="0" u="none" strike="noStrike" baseline="0">
              <a:solidFill>
                <a:srgbClr val="000000"/>
              </a:solidFill>
              <a:latin typeface="ＭＳ Ｐ明朝"/>
              <a:ea typeface="ＭＳ Ｐ明朝"/>
            </a:rPr>
            <a:t>○各項目を確認書類等により点検し、確認事項の内容を満たしているものには「適」、そうでないものは「不適」、該当しないものは「該当なし」にチェックをして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5"/>
  <sheetViews>
    <sheetView tabSelected="1" zoomScale="90" zoomScaleNormal="90" zoomScaleSheetLayoutView="90" workbookViewId="0">
      <pane ySplit="8" topLeftCell="A9" activePane="bottomLeft" state="frozen"/>
      <selection sqref="A1:K1048576"/>
      <selection pane="bottomLeft" sqref="A1:G1"/>
    </sheetView>
  </sheetViews>
  <sheetFormatPr defaultRowHeight="18.75" x14ac:dyDescent="0.4"/>
  <cols>
    <col min="1" max="1" width="3.125" customWidth="1"/>
    <col min="2" max="2" width="16.75" customWidth="1"/>
    <col min="3" max="3" width="52.5" customWidth="1"/>
    <col min="4" max="4" width="20.625" customWidth="1"/>
    <col min="5" max="7" width="5.875" customWidth="1"/>
    <col min="9" max="10" width="0" hidden="1" customWidth="1"/>
  </cols>
  <sheetData>
    <row r="1" spans="1:10" s="1" customFormat="1" ht="18" thickBot="1" x14ac:dyDescent="0.45">
      <c r="A1" s="42" t="s">
        <v>0</v>
      </c>
      <c r="B1" s="42"/>
      <c r="C1" s="42"/>
      <c r="D1" s="42"/>
      <c r="E1" s="42"/>
      <c r="F1" s="42"/>
      <c r="G1" s="42"/>
    </row>
    <row r="2" spans="1:10" s="1" customFormat="1" ht="18" thickTop="1" x14ac:dyDescent="0.4">
      <c r="A2" s="43" t="s">
        <v>1</v>
      </c>
      <c r="B2" s="44"/>
      <c r="C2" s="2"/>
      <c r="D2" s="2"/>
      <c r="E2" s="2"/>
      <c r="F2" s="2"/>
      <c r="G2" s="3"/>
    </row>
    <row r="3" spans="1:10" s="1" customFormat="1" ht="17.25" x14ac:dyDescent="0.4">
      <c r="A3" s="45" t="s">
        <v>2</v>
      </c>
      <c r="B3" s="46"/>
      <c r="C3" s="4"/>
      <c r="D3" s="4"/>
      <c r="E3" s="4"/>
      <c r="F3" s="4"/>
      <c r="G3" s="5"/>
    </row>
    <row r="4" spans="1:10" s="1" customFormat="1" ht="18" thickBot="1" x14ac:dyDescent="0.45">
      <c r="A4" s="47" t="s">
        <v>3</v>
      </c>
      <c r="B4" s="48"/>
      <c r="C4" s="6" t="s">
        <v>4</v>
      </c>
      <c r="D4" s="6"/>
      <c r="E4" s="6"/>
      <c r="F4" s="6"/>
      <c r="G4" s="7"/>
    </row>
    <row r="5" spans="1:10" s="1" customFormat="1" ht="18" thickTop="1" x14ac:dyDescent="0.4">
      <c r="B5" s="8"/>
      <c r="C5" s="9"/>
      <c r="D5" s="9"/>
      <c r="E5" s="9"/>
      <c r="F5" s="9"/>
      <c r="G5" s="9"/>
    </row>
    <row r="6" spans="1:10" s="10" customFormat="1" ht="23.25" customHeight="1" x14ac:dyDescent="0.4">
      <c r="B6" s="11"/>
      <c r="C6" s="12"/>
      <c r="D6" s="12"/>
      <c r="E6" s="12"/>
      <c r="F6" s="12"/>
      <c r="G6" s="13"/>
    </row>
    <row r="7" spans="1:10" x14ac:dyDescent="0.4">
      <c r="A7" s="49"/>
      <c r="B7" s="49" t="s">
        <v>5</v>
      </c>
      <c r="C7" s="50" t="s">
        <v>6</v>
      </c>
      <c r="D7" s="52" t="s">
        <v>7</v>
      </c>
      <c r="E7" s="14" t="s">
        <v>8</v>
      </c>
      <c r="F7" s="15"/>
      <c r="G7" s="16"/>
    </row>
    <row r="8" spans="1:10" x14ac:dyDescent="0.4">
      <c r="A8" s="49"/>
      <c r="B8" s="49"/>
      <c r="C8" s="51"/>
      <c r="D8" s="53"/>
      <c r="E8" s="17" t="s">
        <v>9</v>
      </c>
      <c r="F8" s="17" t="s">
        <v>10</v>
      </c>
      <c r="G8" s="18" t="s">
        <v>11</v>
      </c>
    </row>
    <row r="9" spans="1:10" x14ac:dyDescent="0.4">
      <c r="A9" s="39" t="s">
        <v>12</v>
      </c>
      <c r="B9" s="40"/>
      <c r="C9" s="40"/>
      <c r="D9" s="40"/>
      <c r="E9" s="40"/>
      <c r="F9" s="40"/>
      <c r="G9" s="41"/>
    </row>
    <row r="10" spans="1:10" ht="56.25" x14ac:dyDescent="0.4">
      <c r="A10" s="19">
        <v>1</v>
      </c>
      <c r="B10" s="20" t="s">
        <v>13</v>
      </c>
      <c r="C10" s="21" t="s">
        <v>14</v>
      </c>
      <c r="D10" s="22"/>
      <c r="E10" s="23" t="s">
        <v>15</v>
      </c>
      <c r="F10" s="23" t="s">
        <v>15</v>
      </c>
      <c r="G10" s="23" t="s">
        <v>15</v>
      </c>
      <c r="I10">
        <f>A10</f>
        <v>1</v>
      </c>
      <c r="J10">
        <f>IF(COUNTIF(E10:G10,Sheet2!$A$2)&gt;1,"エラー",IF(E10=Sheet2!$A$2,1,IF(F10=Sheet2!$A$2,2,IF(G10=Sheet2!$A$2,3,0))))</f>
        <v>0</v>
      </c>
    </row>
    <row r="11" spans="1:10" ht="56.25" x14ac:dyDescent="0.4">
      <c r="A11" s="19">
        <v>2</v>
      </c>
      <c r="B11" s="24"/>
      <c r="C11" s="21" t="s">
        <v>16</v>
      </c>
      <c r="D11" s="24"/>
      <c r="E11" s="23" t="s">
        <v>15</v>
      </c>
      <c r="F11" s="23" t="s">
        <v>15</v>
      </c>
      <c r="G11" s="23" t="s">
        <v>15</v>
      </c>
      <c r="I11">
        <f t="shared" ref="I11:I45" si="0">A11</f>
        <v>2</v>
      </c>
      <c r="J11">
        <f>IF(COUNTIF(E11:G11,Sheet2!$A$2)&gt;1,"エラー",IF(E11=Sheet2!$A$2,1,IF(F11=Sheet2!$A$2,2,IF(G11=Sheet2!$A$2,3,0))))</f>
        <v>0</v>
      </c>
    </row>
    <row r="12" spans="1:10" x14ac:dyDescent="0.4">
      <c r="A12" s="39" t="s">
        <v>17</v>
      </c>
      <c r="B12" s="40"/>
      <c r="C12" s="40" t="s">
        <v>18</v>
      </c>
      <c r="D12" s="40"/>
      <c r="E12" s="40"/>
      <c r="F12" s="40"/>
      <c r="G12" s="41"/>
      <c r="I12" t="str">
        <f t="shared" si="0"/>
        <v>【居宅訪問型児童発達支援給付費の算定について】</v>
      </c>
      <c r="J12">
        <f>IF(COUNTIF(E12:G12,Sheet2!$A$2)&gt;1,"エラー",IF(E12=Sheet2!$A$2,1,IF(F12=Sheet2!$A$2,2,IF(G12=Sheet2!$A$2,3,0))))</f>
        <v>0</v>
      </c>
    </row>
    <row r="13" spans="1:10" ht="45" x14ac:dyDescent="0.4">
      <c r="A13" s="19">
        <v>3</v>
      </c>
      <c r="B13" s="24" t="s">
        <v>19</v>
      </c>
      <c r="C13" s="21" t="s">
        <v>20</v>
      </c>
      <c r="D13" s="24"/>
      <c r="E13" s="23" t="s">
        <v>15</v>
      </c>
      <c r="F13" s="23" t="s">
        <v>15</v>
      </c>
      <c r="G13" s="23" t="s">
        <v>15</v>
      </c>
      <c r="I13">
        <f t="shared" si="0"/>
        <v>3</v>
      </c>
      <c r="J13">
        <f>IF(COUNTIF(E13:G13,Sheet2!$A$2)&gt;1,"エラー",IF(E13=Sheet2!$A$2,1,IF(F13=Sheet2!$A$2,2,IF(G13=Sheet2!$A$2,3,0))))</f>
        <v>0</v>
      </c>
    </row>
    <row r="14" spans="1:10" x14ac:dyDescent="0.4">
      <c r="A14" s="39" t="s">
        <v>21</v>
      </c>
      <c r="B14" s="40"/>
      <c r="C14" s="40" t="s">
        <v>18</v>
      </c>
      <c r="D14" s="40"/>
      <c r="E14" s="40"/>
      <c r="F14" s="40"/>
      <c r="G14" s="41"/>
      <c r="I14" t="str">
        <f t="shared" si="0"/>
        <v>【人員欠如に該当する場合の所定単位数の算定について】</v>
      </c>
      <c r="J14">
        <f>IF(COUNTIF(E14:G14,Sheet2!$A$2)&gt;1,"エラー",IF(E14=Sheet2!$A$2,1,IF(F14=Sheet2!$A$2,2,IF(G14=Sheet2!$A$2,3,0))))</f>
        <v>0</v>
      </c>
    </row>
    <row r="15" spans="1:10" ht="56.25" x14ac:dyDescent="0.4">
      <c r="A15" s="19">
        <v>4</v>
      </c>
      <c r="B15" s="25" t="s">
        <v>22</v>
      </c>
      <c r="C15" s="21" t="s">
        <v>23</v>
      </c>
      <c r="D15" s="54" t="s">
        <v>24</v>
      </c>
      <c r="E15" s="23" t="s">
        <v>15</v>
      </c>
      <c r="F15" s="23" t="s">
        <v>15</v>
      </c>
      <c r="G15" s="23" t="s">
        <v>15</v>
      </c>
      <c r="I15">
        <f t="shared" si="0"/>
        <v>4</v>
      </c>
      <c r="J15">
        <f>IF(COUNTIF(E15:G15,Sheet2!$A$2)&gt;1,"エラー",IF(E15=Sheet2!$A$2,1,IF(F15=Sheet2!$A$2,2,IF(G15=Sheet2!$A$2,3,0))))</f>
        <v>0</v>
      </c>
    </row>
    <row r="16" spans="1:10" ht="56.25" x14ac:dyDescent="0.4">
      <c r="A16" s="19">
        <v>5</v>
      </c>
      <c r="B16" s="26" t="s">
        <v>25</v>
      </c>
      <c r="C16" s="21" t="s">
        <v>26</v>
      </c>
      <c r="D16" s="55"/>
      <c r="E16" s="23" t="s">
        <v>15</v>
      </c>
      <c r="F16" s="23" t="s">
        <v>15</v>
      </c>
      <c r="G16" s="23" t="s">
        <v>15</v>
      </c>
      <c r="I16">
        <f t="shared" si="0"/>
        <v>5</v>
      </c>
      <c r="J16">
        <f>IF(COUNTIF(E16:G16,Sheet2!$A$2)&gt;1,"エラー",IF(E16=Sheet2!$A$2,1,IF(F16=Sheet2!$A$2,2,IF(G16=Sheet2!$A$2,3,0))))</f>
        <v>0</v>
      </c>
    </row>
    <row r="17" spans="1:10" ht="56.25" x14ac:dyDescent="0.4">
      <c r="A17" s="19">
        <v>6</v>
      </c>
      <c r="B17" s="26" t="s">
        <v>27</v>
      </c>
      <c r="C17" s="21" t="s">
        <v>28</v>
      </c>
      <c r="D17" s="55"/>
      <c r="E17" s="23" t="s">
        <v>15</v>
      </c>
      <c r="F17" s="23" t="s">
        <v>15</v>
      </c>
      <c r="G17" s="23" t="s">
        <v>15</v>
      </c>
      <c r="I17">
        <f t="shared" si="0"/>
        <v>6</v>
      </c>
      <c r="J17">
        <f>IF(COUNTIF(E17:G17,Sheet2!$A$2)&gt;1,"エラー",IF(E17=Sheet2!$A$2,1,IF(F17=Sheet2!$A$2,2,IF(G17=Sheet2!$A$2,3,0))))</f>
        <v>0</v>
      </c>
    </row>
    <row r="18" spans="1:10" ht="90" x14ac:dyDescent="0.4">
      <c r="A18" s="19">
        <v>7</v>
      </c>
      <c r="B18" s="26" t="s">
        <v>29</v>
      </c>
      <c r="C18" s="21" t="s">
        <v>30</v>
      </c>
      <c r="D18" s="56"/>
      <c r="E18" s="23" t="s">
        <v>15</v>
      </c>
      <c r="F18" s="23" t="s">
        <v>15</v>
      </c>
      <c r="G18" s="23" t="s">
        <v>15</v>
      </c>
      <c r="I18">
        <f t="shared" si="0"/>
        <v>7</v>
      </c>
      <c r="J18">
        <f>IF(COUNTIF(E18:G18,Sheet2!$A$2)&gt;1,"エラー",IF(E18=Sheet2!$A$2,1,IF(F18=Sheet2!$A$2,2,IF(G18=Sheet2!$A$2,3,0))))</f>
        <v>0</v>
      </c>
    </row>
    <row r="19" spans="1:10" x14ac:dyDescent="0.4">
      <c r="A19" s="39" t="s">
        <v>31</v>
      </c>
      <c r="B19" s="40"/>
      <c r="C19" s="40" t="s">
        <v>18</v>
      </c>
      <c r="D19" s="40"/>
      <c r="E19" s="40"/>
      <c r="F19" s="40"/>
      <c r="G19" s="41"/>
      <c r="I19" t="str">
        <f t="shared" si="0"/>
        <v>【個別支援計画の作成に係る業務が適正に行われていない場合の所定単位数の算定について】</v>
      </c>
      <c r="J19">
        <f>IF(COUNTIF(E19:G19,Sheet2!$A$2)&gt;1,"エラー",IF(E19=Sheet2!$A$2,1,IF(F19=Sheet2!$A$2,2,IF(G19=Sheet2!$A$2,3,0))))</f>
        <v>0</v>
      </c>
    </row>
    <row r="20" spans="1:10" ht="135" x14ac:dyDescent="0.4">
      <c r="A20" s="19">
        <v>8</v>
      </c>
      <c r="B20" s="27" t="s">
        <v>32</v>
      </c>
      <c r="C20" s="21" t="s">
        <v>33</v>
      </c>
      <c r="D20" s="28" t="s">
        <v>34</v>
      </c>
      <c r="E20" s="23" t="s">
        <v>15</v>
      </c>
      <c r="F20" s="23" t="s">
        <v>15</v>
      </c>
      <c r="G20" s="23" t="s">
        <v>15</v>
      </c>
      <c r="I20">
        <f t="shared" si="0"/>
        <v>8</v>
      </c>
      <c r="J20">
        <f>IF(COUNTIF(E20:G20,Sheet2!$A$2)&gt;1,"エラー",IF(E20=Sheet2!$A$2,1,IF(F20=Sheet2!$A$2,2,IF(G20=Sheet2!$A$2,3,0))))</f>
        <v>0</v>
      </c>
    </row>
    <row r="21" spans="1:10" x14ac:dyDescent="0.4">
      <c r="A21" s="39" t="s">
        <v>35</v>
      </c>
      <c r="B21" s="40"/>
      <c r="C21" s="40" t="s">
        <v>18</v>
      </c>
      <c r="D21" s="40"/>
      <c r="E21" s="40"/>
      <c r="F21" s="40"/>
      <c r="G21" s="41"/>
      <c r="I21" t="str">
        <f t="shared" si="0"/>
        <v>【身体拘束の記録が不十分な場合の減算について】</v>
      </c>
      <c r="J21">
        <f>IF(COUNTIF(E21:G21,Sheet2!$A$2)&gt;1,"エラー",IF(E21=Sheet2!$A$2,1,IF(F21=Sheet2!$A$2,2,IF(G21=Sheet2!$A$2,3,0))))</f>
        <v>0</v>
      </c>
    </row>
    <row r="22" spans="1:10" ht="45" x14ac:dyDescent="0.4">
      <c r="A22" s="19">
        <v>9</v>
      </c>
      <c r="B22" s="27"/>
      <c r="C22" s="21" t="s">
        <v>36</v>
      </c>
      <c r="D22" s="27" t="s">
        <v>37</v>
      </c>
      <c r="E22" s="23" t="s">
        <v>15</v>
      </c>
      <c r="F22" s="23" t="s">
        <v>15</v>
      </c>
      <c r="G22" s="23" t="s">
        <v>15</v>
      </c>
      <c r="I22">
        <f t="shared" si="0"/>
        <v>9</v>
      </c>
      <c r="J22">
        <f>IF(COUNTIF(E22:G22,Sheet2!$A$2)&gt;1,"エラー",IF(E22=Sheet2!$A$2,1,IF(F22=Sheet2!$A$2,2,IF(G22=Sheet2!$A$2,3,0))))</f>
        <v>0</v>
      </c>
    </row>
    <row r="23" spans="1:10" ht="135" x14ac:dyDescent="0.4">
      <c r="A23" s="19">
        <v>10</v>
      </c>
      <c r="B23" s="27"/>
      <c r="C23" s="21" t="s">
        <v>38</v>
      </c>
      <c r="D23" s="29" t="s">
        <v>39</v>
      </c>
      <c r="E23" s="23" t="s">
        <v>15</v>
      </c>
      <c r="F23" s="23" t="s">
        <v>15</v>
      </c>
      <c r="G23" s="23" t="s">
        <v>15</v>
      </c>
      <c r="I23">
        <f t="shared" si="0"/>
        <v>10</v>
      </c>
      <c r="J23">
        <f>IF(COUNTIF(E23:G23,Sheet2!$A$2)&gt;1,"エラー",IF(E23=Sheet2!$A$2,1,IF(F23=Sheet2!$A$2,2,IF(G23=Sheet2!$A$2,3,0))))</f>
        <v>0</v>
      </c>
    </row>
    <row r="24" spans="1:10" ht="135" x14ac:dyDescent="0.4">
      <c r="A24" s="19">
        <v>11</v>
      </c>
      <c r="B24" s="27"/>
      <c r="C24" s="21" t="s">
        <v>40</v>
      </c>
      <c r="D24" s="29" t="s">
        <v>41</v>
      </c>
      <c r="E24" s="23" t="s">
        <v>15</v>
      </c>
      <c r="F24" s="23" t="s">
        <v>15</v>
      </c>
      <c r="G24" s="23" t="s">
        <v>15</v>
      </c>
      <c r="I24">
        <f t="shared" si="0"/>
        <v>11</v>
      </c>
      <c r="J24">
        <f>IF(COUNTIF(E24:G24,Sheet2!$A$2)&gt;1,"エラー",IF(E24=Sheet2!$A$2,1,IF(F24=Sheet2!$A$2,2,IF(G24=Sheet2!$A$2,3,0))))</f>
        <v>0</v>
      </c>
    </row>
    <row r="25" spans="1:10" x14ac:dyDescent="0.4">
      <c r="A25" s="39" t="s">
        <v>42</v>
      </c>
      <c r="B25" s="40"/>
      <c r="C25" s="40" t="s">
        <v>18</v>
      </c>
      <c r="D25" s="40"/>
      <c r="E25" s="40"/>
      <c r="F25" s="40"/>
      <c r="G25" s="41"/>
      <c r="I25" t="str">
        <f t="shared" si="0"/>
        <v>【訪問支援員特別加算（専門職員が支援を行う場合）の取扱い】</v>
      </c>
      <c r="J25">
        <f>IF(COUNTIF(E25:G25,Sheet2!$A$2)&gt;1,"エラー",IF(E25=Sheet2!$A$2,1,IF(F25=Sheet2!$A$2,2,IF(G25=Sheet2!$A$2,3,0))))</f>
        <v>0</v>
      </c>
    </row>
    <row r="26" spans="1:10" ht="90" x14ac:dyDescent="0.4">
      <c r="A26" s="19">
        <v>12</v>
      </c>
      <c r="B26" s="27"/>
      <c r="C26" s="21" t="s">
        <v>43</v>
      </c>
      <c r="D26" s="30"/>
      <c r="E26" s="23" t="s">
        <v>15</v>
      </c>
      <c r="F26" s="23" t="s">
        <v>15</v>
      </c>
      <c r="G26" s="23" t="s">
        <v>15</v>
      </c>
      <c r="I26">
        <f t="shared" si="0"/>
        <v>12</v>
      </c>
      <c r="J26">
        <f>IF(COUNTIF(E26:G26,Sheet2!$A$2)&gt;1,"エラー",IF(E26=Sheet2!$A$2,1,IF(F26=Sheet2!$A$2,2,IF(G26=Sheet2!$A$2,3,0))))</f>
        <v>0</v>
      </c>
    </row>
    <row r="27" spans="1:10" ht="67.5" x14ac:dyDescent="0.4">
      <c r="A27" s="19">
        <v>13</v>
      </c>
      <c r="B27" s="31"/>
      <c r="C27" s="21" t="s">
        <v>44</v>
      </c>
      <c r="D27" s="22"/>
      <c r="E27" s="23" t="s">
        <v>15</v>
      </c>
      <c r="F27" s="23" t="s">
        <v>15</v>
      </c>
      <c r="G27" s="23" t="s">
        <v>15</v>
      </c>
      <c r="I27">
        <f t="shared" si="0"/>
        <v>13</v>
      </c>
      <c r="J27">
        <f>IF(COUNTIF(E27:G27,Sheet2!$A$2)&gt;1,"エラー",IF(E27=Sheet2!$A$2,1,IF(F27=Sheet2!$A$2,2,IF(G27=Sheet2!$A$2,3,0))))</f>
        <v>0</v>
      </c>
    </row>
    <row r="28" spans="1:10" ht="45" x14ac:dyDescent="0.4">
      <c r="A28" s="19">
        <v>14</v>
      </c>
      <c r="B28" s="31"/>
      <c r="C28" s="21" t="s">
        <v>45</v>
      </c>
      <c r="D28" s="22"/>
      <c r="E28" s="23" t="s">
        <v>15</v>
      </c>
      <c r="F28" s="23" t="s">
        <v>15</v>
      </c>
      <c r="G28" s="23" t="s">
        <v>15</v>
      </c>
      <c r="I28">
        <f t="shared" si="0"/>
        <v>14</v>
      </c>
      <c r="J28">
        <f>IF(COUNTIF(E28:G28,Sheet2!$A$2)&gt;1,"エラー",IF(E28=Sheet2!$A$2,1,IF(F28=Sheet2!$A$2,2,IF(G28=Sheet2!$A$2,3,0))))</f>
        <v>0</v>
      </c>
    </row>
    <row r="29" spans="1:10" x14ac:dyDescent="0.4">
      <c r="A29" s="39" t="s">
        <v>46</v>
      </c>
      <c r="B29" s="40"/>
      <c r="C29" s="40" t="s">
        <v>18</v>
      </c>
      <c r="D29" s="40"/>
      <c r="E29" s="40"/>
      <c r="F29" s="40"/>
      <c r="G29" s="41"/>
      <c r="I29" t="str">
        <f t="shared" si="0"/>
        <v>【通所施設移行支援加算の取扱い】</v>
      </c>
      <c r="J29">
        <f>IF(COUNTIF(E29:G29,Sheet2!$A$2)&gt;1,"エラー",IF(E29=Sheet2!$A$2,1,IF(F29=Sheet2!$A$2,2,IF(G29=Sheet2!$A$2,3,0))))</f>
        <v>0</v>
      </c>
    </row>
    <row r="30" spans="1:10" ht="67.5" x14ac:dyDescent="0.4">
      <c r="A30" s="19">
        <v>15</v>
      </c>
      <c r="B30" s="27"/>
      <c r="C30" s="21" t="s">
        <v>47</v>
      </c>
      <c r="D30" s="22"/>
      <c r="E30" s="23" t="s">
        <v>15</v>
      </c>
      <c r="F30" s="23" t="s">
        <v>15</v>
      </c>
      <c r="G30" s="23" t="s">
        <v>15</v>
      </c>
      <c r="I30">
        <f t="shared" si="0"/>
        <v>15</v>
      </c>
      <c r="J30">
        <f>IF(COUNTIF(E30:G30,Sheet2!$A$2)&gt;1,"エラー",IF(E30=Sheet2!$A$2,1,IF(F30=Sheet2!$A$2,2,IF(G30=Sheet2!$A$2,3,0))))</f>
        <v>0</v>
      </c>
    </row>
    <row r="31" spans="1:10" ht="33.75" x14ac:dyDescent="0.4">
      <c r="A31" s="19">
        <v>16</v>
      </c>
      <c r="B31" s="27"/>
      <c r="C31" s="21" t="s">
        <v>48</v>
      </c>
      <c r="D31" s="22"/>
      <c r="E31" s="23" t="s">
        <v>15</v>
      </c>
      <c r="F31" s="23" t="s">
        <v>15</v>
      </c>
      <c r="G31" s="23" t="s">
        <v>15</v>
      </c>
      <c r="I31">
        <f t="shared" si="0"/>
        <v>16</v>
      </c>
      <c r="J31">
        <f>IF(COUNTIF(E31:G31,Sheet2!$A$2)&gt;1,"エラー",IF(E31=Sheet2!$A$2,1,IF(F31=Sheet2!$A$2,2,IF(G31=Sheet2!$A$2,3,0))))</f>
        <v>0</v>
      </c>
    </row>
    <row r="32" spans="1:10" x14ac:dyDescent="0.4">
      <c r="A32" s="39" t="s">
        <v>49</v>
      </c>
      <c r="B32" s="40"/>
      <c r="C32" s="40" t="s">
        <v>18</v>
      </c>
      <c r="D32" s="40"/>
      <c r="E32" s="40"/>
      <c r="F32" s="40"/>
      <c r="G32" s="41"/>
      <c r="I32" t="str">
        <f t="shared" si="0"/>
        <v>【利用者負担上限額管理加算の取扱いについて】</v>
      </c>
      <c r="J32">
        <f>IF(COUNTIF(E32:G32,Sheet2!$A$2)&gt;1,"エラー",IF(E32=Sheet2!$A$2,1,IF(F32=Sheet2!$A$2,2,IF(G32=Sheet2!$A$2,3,0))))</f>
        <v>0</v>
      </c>
    </row>
    <row r="33" spans="1:11" ht="45" x14ac:dyDescent="0.4">
      <c r="A33" s="19">
        <v>17</v>
      </c>
      <c r="B33" s="27"/>
      <c r="C33" s="21" t="s">
        <v>50</v>
      </c>
      <c r="D33" s="22"/>
      <c r="E33" s="23" t="s">
        <v>15</v>
      </c>
      <c r="F33" s="23" t="s">
        <v>15</v>
      </c>
      <c r="G33" s="23" t="s">
        <v>15</v>
      </c>
      <c r="I33">
        <f t="shared" si="0"/>
        <v>17</v>
      </c>
      <c r="J33">
        <f>IF(COUNTIF(E33:G33,Sheet2!$A$2)&gt;1,"エラー",IF(E33=Sheet2!$A$2,1,IF(F33=Sheet2!$A$2,2,IF(G33=Sheet2!$A$2,3,0))))</f>
        <v>0</v>
      </c>
    </row>
    <row r="34" spans="1:11" x14ac:dyDescent="0.4">
      <c r="A34" s="39" t="s">
        <v>51</v>
      </c>
      <c r="B34" s="40"/>
      <c r="C34" s="40" t="s">
        <v>18</v>
      </c>
      <c r="D34" s="40"/>
      <c r="E34" s="40"/>
      <c r="F34" s="40"/>
      <c r="G34" s="41"/>
      <c r="I34" t="str">
        <f t="shared" si="0"/>
        <v>【福祉・介護職員処遇改善加算の取扱いについて】</v>
      </c>
      <c r="J34">
        <f>IF(COUNTIF(E34:G34,Sheet2!$A$2)&gt;1,"エラー",IF(E34=Sheet2!$A$2,1,IF(F34=Sheet2!$A$2,2,IF(G34=Sheet2!$A$2,3,0))))</f>
        <v>0</v>
      </c>
    </row>
    <row r="35" spans="1:11" ht="67.5" x14ac:dyDescent="0.4">
      <c r="A35" s="19">
        <v>18</v>
      </c>
      <c r="B35" s="27"/>
      <c r="C35" s="21" t="s">
        <v>52</v>
      </c>
      <c r="D35" s="22"/>
      <c r="E35" s="23" t="s">
        <v>15</v>
      </c>
      <c r="F35" s="23" t="s">
        <v>15</v>
      </c>
      <c r="G35" s="23" t="s">
        <v>15</v>
      </c>
      <c r="I35">
        <f t="shared" si="0"/>
        <v>18</v>
      </c>
      <c r="J35">
        <f>IF(COUNTIF(E35:G35,Sheet2!$A$2)&gt;1,"エラー",IF(E35=Sheet2!$A$2,1,IF(F35=Sheet2!$A$2,2,IF(G35=Sheet2!$A$2,3,0))))</f>
        <v>0</v>
      </c>
    </row>
    <row r="36" spans="1:11" ht="56.25" x14ac:dyDescent="0.4">
      <c r="A36" s="19">
        <v>19</v>
      </c>
      <c r="B36" s="27"/>
      <c r="C36" s="21" t="s">
        <v>53</v>
      </c>
      <c r="D36" s="22"/>
      <c r="E36" s="23" t="s">
        <v>15</v>
      </c>
      <c r="F36" s="23" t="s">
        <v>15</v>
      </c>
      <c r="G36" s="23" t="s">
        <v>15</v>
      </c>
      <c r="I36">
        <f t="shared" si="0"/>
        <v>19</v>
      </c>
      <c r="J36">
        <f>IF(COUNTIF(E36:G36,Sheet2!$A$2)&gt;1,"エラー",IF(E36=Sheet2!$A$2,1,IF(F36=Sheet2!$A$2,2,IF(G36=Sheet2!$A$2,3,0))))</f>
        <v>0</v>
      </c>
    </row>
    <row r="37" spans="1:11" ht="45" x14ac:dyDescent="0.4">
      <c r="A37" s="19">
        <v>20</v>
      </c>
      <c r="B37" s="27"/>
      <c r="C37" s="21" t="s">
        <v>54</v>
      </c>
      <c r="D37" s="22"/>
      <c r="E37" s="23" t="s">
        <v>15</v>
      </c>
      <c r="F37" s="23" t="s">
        <v>15</v>
      </c>
      <c r="G37" s="23" t="s">
        <v>15</v>
      </c>
      <c r="I37">
        <f t="shared" si="0"/>
        <v>20</v>
      </c>
      <c r="J37">
        <f>IF(COUNTIF(E37:G37,Sheet2!$A$2)&gt;1,"エラー",IF(E37=Sheet2!$A$2,1,IF(F37=Sheet2!$A$2,2,IF(G37=Sheet2!$A$2,3,0))))</f>
        <v>0</v>
      </c>
    </row>
    <row r="38" spans="1:11" ht="33.75" x14ac:dyDescent="0.4">
      <c r="A38" s="19">
        <v>21</v>
      </c>
      <c r="B38" s="27"/>
      <c r="C38" s="21" t="s">
        <v>55</v>
      </c>
      <c r="D38" s="22"/>
      <c r="E38" s="23" t="s">
        <v>15</v>
      </c>
      <c r="F38" s="23" t="s">
        <v>15</v>
      </c>
      <c r="G38" s="23" t="s">
        <v>15</v>
      </c>
      <c r="I38">
        <f t="shared" si="0"/>
        <v>21</v>
      </c>
      <c r="J38">
        <f>IF(COUNTIF(E38:G38,Sheet2!$A$2)&gt;1,"エラー",IF(E38=Sheet2!$A$2,1,IF(F38=Sheet2!$A$2,2,IF(G38=Sheet2!$A$2,3,0))))</f>
        <v>0</v>
      </c>
    </row>
    <row r="39" spans="1:11" ht="56.25" x14ac:dyDescent="0.4">
      <c r="A39" s="19">
        <v>22</v>
      </c>
      <c r="B39" s="27"/>
      <c r="C39" s="21" t="s">
        <v>56</v>
      </c>
      <c r="D39" s="22"/>
      <c r="E39" s="23" t="s">
        <v>15</v>
      </c>
      <c r="F39" s="23" t="s">
        <v>15</v>
      </c>
      <c r="G39" s="23" t="s">
        <v>15</v>
      </c>
      <c r="I39">
        <f t="shared" si="0"/>
        <v>22</v>
      </c>
      <c r="J39">
        <f>IF(COUNTIF(E39:G39,Sheet2!$A$2)&gt;1,"エラー",IF(E39=Sheet2!$A$2,1,IF(F39=Sheet2!$A$2,2,IF(G39=Sheet2!$A$2,3,0))))</f>
        <v>0</v>
      </c>
    </row>
    <row r="40" spans="1:11" ht="45" x14ac:dyDescent="0.4">
      <c r="A40" s="19">
        <v>23</v>
      </c>
      <c r="B40" s="27" t="s">
        <v>57</v>
      </c>
      <c r="C40" s="21" t="s">
        <v>58</v>
      </c>
      <c r="D40" s="22" t="s">
        <v>59</v>
      </c>
      <c r="E40" s="23" t="s">
        <v>15</v>
      </c>
      <c r="F40" s="23" t="s">
        <v>15</v>
      </c>
      <c r="G40" s="23" t="s">
        <v>15</v>
      </c>
      <c r="I40">
        <f t="shared" si="0"/>
        <v>23</v>
      </c>
      <c r="J40">
        <f>IF(COUNTIF(E40:G40,Sheet2!$A$2)&gt;1,"エラー",IF(E40=Sheet2!$A$2,1,IF(F40=Sheet2!$A$2,2,IF(G40=Sheet2!$A$2,3,0))))</f>
        <v>0</v>
      </c>
    </row>
    <row r="41" spans="1:11" ht="45" x14ac:dyDescent="0.4">
      <c r="A41" s="19">
        <v>24</v>
      </c>
      <c r="B41" s="27" t="s">
        <v>60</v>
      </c>
      <c r="C41" s="21" t="s">
        <v>61</v>
      </c>
      <c r="D41" s="22" t="s">
        <v>59</v>
      </c>
      <c r="E41" s="23" t="s">
        <v>15</v>
      </c>
      <c r="F41" s="23" t="s">
        <v>15</v>
      </c>
      <c r="G41" s="23" t="s">
        <v>15</v>
      </c>
      <c r="I41">
        <f t="shared" si="0"/>
        <v>24</v>
      </c>
      <c r="J41">
        <f>IF(COUNTIF(E41:G41,Sheet2!$A$2)&gt;1,"エラー",IF(E41=Sheet2!$A$2,1,IF(F41=Sheet2!$A$2,2,IF(G41=Sheet2!$A$2,3,0))))</f>
        <v>0</v>
      </c>
    </row>
    <row r="42" spans="1:11" ht="45" x14ac:dyDescent="0.4">
      <c r="A42" s="19">
        <v>25</v>
      </c>
      <c r="B42" s="27" t="s">
        <v>62</v>
      </c>
      <c r="C42" s="21" t="s">
        <v>63</v>
      </c>
      <c r="D42" s="22" t="s">
        <v>59</v>
      </c>
      <c r="E42" s="23" t="s">
        <v>15</v>
      </c>
      <c r="F42" s="23" t="s">
        <v>15</v>
      </c>
      <c r="G42" s="23" t="s">
        <v>15</v>
      </c>
      <c r="I42">
        <f t="shared" si="0"/>
        <v>25</v>
      </c>
      <c r="J42">
        <f>IF(COUNTIF(E42:G42,Sheet2!$A$2)&gt;1,"エラー",IF(E42=Sheet2!$A$2,1,IF(F42=Sheet2!$A$2,2,IF(G42=Sheet2!$A$2,3,0))))</f>
        <v>0</v>
      </c>
    </row>
    <row r="43" spans="1:11" x14ac:dyDescent="0.4">
      <c r="A43" s="39" t="s">
        <v>64</v>
      </c>
      <c r="B43" s="40"/>
      <c r="C43" s="40" t="s">
        <v>18</v>
      </c>
      <c r="D43" s="40"/>
      <c r="E43" s="57"/>
      <c r="F43" s="57"/>
      <c r="G43" s="58"/>
      <c r="I43" t="str">
        <f t="shared" si="0"/>
        <v>【福祉・介護職員特定処遇改善加算等の取扱いについて】</v>
      </c>
      <c r="J43">
        <f>IF(COUNTIF(E43:G43,Sheet2!$A$2)&gt;1,"エラー",IF(E43=Sheet2!$A$2,1,IF(F43=Sheet2!$A$2,2,IF(G43=Sheet2!$A$2,3,0))))</f>
        <v>0</v>
      </c>
    </row>
    <row r="44" spans="1:11" ht="45" x14ac:dyDescent="0.4">
      <c r="A44" s="19">
        <v>26</v>
      </c>
      <c r="B44" s="27" t="s">
        <v>65</v>
      </c>
      <c r="C44" s="21" t="s">
        <v>66</v>
      </c>
      <c r="D44" s="37" t="s">
        <v>67</v>
      </c>
      <c r="E44" s="23" t="s">
        <v>15</v>
      </c>
      <c r="F44" s="23" t="s">
        <v>15</v>
      </c>
      <c r="G44" s="23" t="s">
        <v>15</v>
      </c>
      <c r="H44" s="38"/>
      <c r="I44">
        <f t="shared" si="0"/>
        <v>26</v>
      </c>
      <c r="J44">
        <f>IF(COUNTIF(E44:G44,Sheet2!$A$2)&gt;1,"エラー",IF(E44=Sheet2!$A$2,1,IF(F44=Sheet2!$A$2,2,IF(G44=Sheet2!$A$2,3,0))))</f>
        <v>0</v>
      </c>
      <c r="K44" s="36"/>
    </row>
    <row r="45" spans="1:11" ht="45" x14ac:dyDescent="0.4">
      <c r="A45" s="19">
        <v>27</v>
      </c>
      <c r="B45" s="27" t="s">
        <v>68</v>
      </c>
      <c r="C45" s="21" t="s">
        <v>69</v>
      </c>
      <c r="D45" s="37" t="s">
        <v>70</v>
      </c>
      <c r="E45" s="23" t="s">
        <v>15</v>
      </c>
      <c r="F45" s="23" t="s">
        <v>15</v>
      </c>
      <c r="G45" s="23" t="s">
        <v>15</v>
      </c>
      <c r="H45" s="38"/>
      <c r="I45">
        <f t="shared" si="0"/>
        <v>27</v>
      </c>
      <c r="J45">
        <f>IF(COUNTIF(E45:G45,Sheet2!$A$2)&gt;1,"エラー",IF(E45=Sheet2!$A$2,1,IF(F45=Sheet2!$A$2,2,IF(G45=Sheet2!$A$2,3,0))))</f>
        <v>0</v>
      </c>
      <c r="K45" s="36"/>
    </row>
  </sheetData>
  <mergeCells count="19">
    <mergeCell ref="A25:G25"/>
    <mergeCell ref="A29:G29"/>
    <mergeCell ref="A32:G32"/>
    <mergeCell ref="A34:G34"/>
    <mergeCell ref="A43:G43"/>
    <mergeCell ref="A21:G21"/>
    <mergeCell ref="A1:G1"/>
    <mergeCell ref="A2:B2"/>
    <mergeCell ref="A3:B3"/>
    <mergeCell ref="A4:B4"/>
    <mergeCell ref="A7:A8"/>
    <mergeCell ref="B7:B8"/>
    <mergeCell ref="C7:C8"/>
    <mergeCell ref="D7:D8"/>
    <mergeCell ref="A9:G9"/>
    <mergeCell ref="A12:G12"/>
    <mergeCell ref="A14:G14"/>
    <mergeCell ref="D15:D18"/>
    <mergeCell ref="A19:G19"/>
  </mergeCells>
  <phoneticPr fontId="2"/>
  <pageMargins left="0.70866141732283472" right="0.70866141732283472" top="0.74803149606299213" bottom="0.74803149606299213" header="0.31496062992125984" footer="0.31496062992125984"/>
  <pageSetup paperSize="9" scale="72" orientation="portrait" r:id="rId1"/>
  <headerFooter>
    <oddFooter>&amp;P / &amp;N ページ</oddFooter>
  </headerFooter>
  <rowBreaks count="1" manualBreakCount="1">
    <brk id="42" max="16383" man="1"/>
  </row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2!$A$1:$A$2</xm:f>
          </x14:formula1>
          <xm:sqref>E10:G11 E13:G13 E15:G18 E20:G20 E22:G24 E26:G28 E30:G31 E33:G33 E35:G42 E44:G4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31"/>
  <sheetViews>
    <sheetView workbookViewId="0">
      <selection activeCell="A13" sqref="A13"/>
    </sheetView>
  </sheetViews>
  <sheetFormatPr defaultRowHeight="13.5" x14ac:dyDescent="0.15"/>
  <cols>
    <col min="1" max="1" width="71.875" style="32" customWidth="1"/>
    <col min="2" max="16384" width="9" style="33"/>
  </cols>
  <sheetData>
    <row r="1" spans="1:15" x14ac:dyDescent="0.15">
      <c r="A1" s="32" t="s">
        <v>71</v>
      </c>
    </row>
    <row r="2" spans="1:15" x14ac:dyDescent="0.15">
      <c r="A2" s="32" t="s">
        <v>72</v>
      </c>
    </row>
    <row r="3" spans="1:15" ht="27" x14ac:dyDescent="0.15">
      <c r="A3" s="32" t="s">
        <v>73</v>
      </c>
      <c r="B3" s="34"/>
      <c r="C3" s="34"/>
      <c r="D3" s="34"/>
      <c r="E3" s="34"/>
      <c r="F3" s="34"/>
      <c r="G3" s="34"/>
      <c r="H3" s="34"/>
      <c r="I3" s="34"/>
      <c r="J3" s="34"/>
      <c r="K3" s="34"/>
      <c r="L3" s="34"/>
      <c r="M3" s="34"/>
      <c r="N3" s="34"/>
      <c r="O3" s="34"/>
    </row>
    <row r="5" spans="1:15" x14ac:dyDescent="0.15">
      <c r="A5" s="32" t="s">
        <v>74</v>
      </c>
    </row>
    <row r="6" spans="1:15" ht="27" x14ac:dyDescent="0.15">
      <c r="A6" s="32" t="s">
        <v>75</v>
      </c>
      <c r="B6" s="34"/>
      <c r="C6" s="34"/>
      <c r="D6" s="34"/>
      <c r="E6" s="34"/>
      <c r="F6" s="34"/>
      <c r="G6" s="34"/>
      <c r="H6" s="34"/>
      <c r="I6" s="34"/>
      <c r="J6" s="34"/>
      <c r="K6" s="34"/>
      <c r="L6" s="34"/>
      <c r="M6" s="34"/>
      <c r="N6" s="34"/>
      <c r="O6" s="34"/>
    </row>
    <row r="8" spans="1:15" x14ac:dyDescent="0.15">
      <c r="A8" s="32" t="s">
        <v>76</v>
      </c>
    </row>
    <row r="9" spans="1:15" ht="40.5" x14ac:dyDescent="0.15">
      <c r="A9" s="32" t="s">
        <v>77</v>
      </c>
      <c r="B9" s="32"/>
      <c r="C9" s="32"/>
      <c r="D9" s="32"/>
      <c r="E9" s="32"/>
      <c r="F9" s="32"/>
      <c r="G9" s="32"/>
      <c r="H9" s="32"/>
      <c r="I9" s="32"/>
      <c r="J9" s="32"/>
      <c r="K9" s="32"/>
      <c r="L9" s="32"/>
      <c r="M9" s="32"/>
      <c r="N9" s="32"/>
      <c r="O9" s="32"/>
    </row>
    <row r="10" spans="1:15" x14ac:dyDescent="0.15">
      <c r="B10" s="32"/>
      <c r="C10" s="32"/>
      <c r="D10" s="32"/>
      <c r="E10" s="32"/>
      <c r="F10" s="32"/>
      <c r="G10" s="32"/>
      <c r="H10" s="32"/>
      <c r="I10" s="32"/>
      <c r="J10" s="32"/>
      <c r="K10" s="32"/>
      <c r="L10" s="32"/>
      <c r="M10" s="32"/>
      <c r="N10" s="32"/>
      <c r="O10" s="32"/>
    </row>
    <row r="12" spans="1:15" x14ac:dyDescent="0.15">
      <c r="A12" s="32" t="s">
        <v>78</v>
      </c>
    </row>
    <row r="13" spans="1:15" ht="27" x14ac:dyDescent="0.15">
      <c r="A13" s="32" t="s">
        <v>79</v>
      </c>
      <c r="B13" s="34"/>
      <c r="C13" s="34"/>
      <c r="D13" s="34"/>
      <c r="E13" s="34"/>
      <c r="F13" s="34"/>
      <c r="G13" s="34"/>
      <c r="H13" s="34"/>
      <c r="I13" s="34"/>
      <c r="J13" s="34"/>
      <c r="K13" s="34"/>
      <c r="L13" s="34"/>
      <c r="M13" s="34"/>
      <c r="N13" s="34"/>
      <c r="O13" s="34"/>
    </row>
    <row r="14" spans="1:15" ht="67.5" x14ac:dyDescent="0.15">
      <c r="A14" s="35" t="s">
        <v>80</v>
      </c>
      <c r="B14" s="35"/>
      <c r="C14" s="35"/>
      <c r="D14" s="35"/>
      <c r="E14" s="35"/>
      <c r="F14" s="35"/>
      <c r="G14" s="35"/>
      <c r="H14" s="35"/>
      <c r="I14" s="35"/>
      <c r="J14" s="35"/>
      <c r="K14" s="35"/>
      <c r="L14" s="35"/>
      <c r="M14" s="35"/>
      <c r="N14" s="35"/>
      <c r="O14" s="35"/>
    </row>
    <row r="15" spans="1:15" x14ac:dyDescent="0.15">
      <c r="A15" s="35"/>
      <c r="B15" s="35"/>
      <c r="C15" s="35"/>
      <c r="D15" s="35"/>
      <c r="E15" s="35"/>
      <c r="F15" s="35"/>
      <c r="G15" s="35"/>
      <c r="H15" s="35"/>
      <c r="I15" s="35"/>
      <c r="J15" s="35"/>
      <c r="K15" s="35"/>
      <c r="L15" s="35"/>
      <c r="M15" s="35"/>
      <c r="N15" s="35"/>
      <c r="O15" s="35"/>
    </row>
    <row r="16" spans="1:15" x14ac:dyDescent="0.15">
      <c r="A16" s="35"/>
      <c r="B16" s="35"/>
      <c r="C16" s="35"/>
      <c r="D16" s="35"/>
      <c r="E16" s="35"/>
      <c r="F16" s="35"/>
      <c r="G16" s="35"/>
      <c r="H16" s="35"/>
      <c r="I16" s="35"/>
      <c r="J16" s="35"/>
      <c r="K16" s="35"/>
      <c r="L16" s="35"/>
      <c r="M16" s="35"/>
      <c r="N16" s="35"/>
      <c r="O16" s="35"/>
    </row>
    <row r="18" spans="1:15" x14ac:dyDescent="0.15">
      <c r="A18" s="32" t="s">
        <v>81</v>
      </c>
    </row>
    <row r="19" spans="1:15" x14ac:dyDescent="0.15">
      <c r="A19" s="32" t="s">
        <v>82</v>
      </c>
    </row>
    <row r="20" spans="1:15" x14ac:dyDescent="0.15">
      <c r="A20" s="32" t="s">
        <v>83</v>
      </c>
    </row>
    <row r="22" spans="1:15" x14ac:dyDescent="0.15">
      <c r="A22" s="32" t="s">
        <v>84</v>
      </c>
    </row>
    <row r="23" spans="1:15" x14ac:dyDescent="0.15">
      <c r="A23" s="32" t="s">
        <v>85</v>
      </c>
    </row>
    <row r="25" spans="1:15" x14ac:dyDescent="0.15">
      <c r="A25" s="32" t="s">
        <v>86</v>
      </c>
    </row>
    <row r="26" spans="1:15" ht="81" x14ac:dyDescent="0.15">
      <c r="A26" s="32" t="s">
        <v>87</v>
      </c>
      <c r="B26" s="32"/>
      <c r="C26" s="32"/>
      <c r="D26" s="32"/>
      <c r="E26" s="32"/>
      <c r="F26" s="32"/>
      <c r="G26" s="32"/>
      <c r="H26" s="32"/>
      <c r="I26" s="32"/>
      <c r="J26" s="32"/>
      <c r="K26" s="32"/>
      <c r="L26" s="32"/>
      <c r="M26" s="32"/>
      <c r="N26" s="32"/>
      <c r="O26" s="32"/>
    </row>
    <row r="27" spans="1:15" x14ac:dyDescent="0.15">
      <c r="B27" s="32"/>
      <c r="C27" s="32"/>
      <c r="D27" s="32"/>
      <c r="E27" s="32"/>
      <c r="F27" s="32"/>
      <c r="G27" s="32"/>
      <c r="H27" s="32"/>
      <c r="I27" s="32"/>
      <c r="J27" s="32"/>
      <c r="K27" s="32"/>
      <c r="L27" s="32"/>
      <c r="M27" s="32"/>
      <c r="N27" s="32"/>
      <c r="O27" s="32"/>
    </row>
    <row r="28" spans="1:15" x14ac:dyDescent="0.15">
      <c r="B28" s="32"/>
      <c r="C28" s="32"/>
      <c r="D28" s="32"/>
      <c r="E28" s="32"/>
      <c r="F28" s="32"/>
      <c r="G28" s="32"/>
      <c r="H28" s="32"/>
      <c r="I28" s="32"/>
      <c r="J28" s="32"/>
      <c r="K28" s="32"/>
      <c r="L28" s="32"/>
      <c r="M28" s="32"/>
      <c r="N28" s="32"/>
      <c r="O28" s="32"/>
    </row>
    <row r="30" spans="1:15" x14ac:dyDescent="0.15">
      <c r="A30" s="32" t="s">
        <v>88</v>
      </c>
    </row>
    <row r="31" spans="1:15" ht="27" x14ac:dyDescent="0.15">
      <c r="A31" s="32" t="s">
        <v>89</v>
      </c>
    </row>
  </sheetData>
  <phoneticPr fontId="2"/>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2"/>
  <sheetViews>
    <sheetView workbookViewId="0">
      <selection activeCell="H9" sqref="H9"/>
    </sheetView>
  </sheetViews>
  <sheetFormatPr defaultRowHeight="18.75" x14ac:dyDescent="0.4"/>
  <sheetData>
    <row r="1" spans="1:1" x14ac:dyDescent="0.4">
      <c r="A1" t="s">
        <v>15</v>
      </c>
    </row>
    <row r="2" spans="1:1" x14ac:dyDescent="0.4">
      <c r="A2" t="s">
        <v>90</v>
      </c>
    </row>
  </sheetData>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自己点検シート</vt:lpstr>
      <vt:lpstr>処遇改善加算・特定処遇改善加算別表</vt:lpstr>
      <vt:lpstr>Sheet2</vt:lpstr>
      <vt:lpstr>自己点検シート!Print_Titles</vt:lpstr>
    </vt:vector>
  </TitlesOfParts>
  <Company>西宮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役所</dc:creator>
  <cp:lastModifiedBy>西宮市役所</cp:lastModifiedBy>
  <dcterms:created xsi:type="dcterms:W3CDTF">2021-09-13T04:04:17Z</dcterms:created>
  <dcterms:modified xsi:type="dcterms:W3CDTF">2022-04-20T00:43:47Z</dcterms:modified>
</cp:coreProperties>
</file>